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3章 農業・漁業\02公表用（改定有）\"/>
    </mc:Choice>
  </mc:AlternateContent>
  <xr:revisionPtr revIDLastSave="0" documentId="13_ncr:1_{11769B80-D07B-455B-9C39-4FB34479B714}" xr6:coauthVersionLast="44" xr6:coauthVersionMax="44" xr10:uidLastSave="{00000000-0000-0000-0000-000000000000}"/>
  <bookViews>
    <workbookView xWindow="-108" yWindow="-108" windowWidth="23256" windowHeight="12576" tabRatio="773" xr2:uid="{00000000-000D-0000-FFFF-FFFF00000000}"/>
  </bookViews>
  <sheets>
    <sheet name="1-７ 農作物単位面積(10ha)当たり収穫量" sheetId="18" r:id="rId1"/>
  </sheets>
  <definedNames>
    <definedName name="_xlnm.Print_Area" localSheetId="0">'1-７ 農作物単位面積(10ha)当たり収穫量'!$A$1:$J$43</definedName>
    <definedName name="_xlnm.Print_Titles" localSheetId="0">'1-７ 農作物単位面積(10ha)当たり収穫量'!$A:$B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79" uniqueCount="37">
  <si>
    <t>収穫量</t>
    <rPh sb="0" eb="3">
      <t>シュウカクリョウ</t>
    </rPh>
    <phoneticPr fontId="1"/>
  </si>
  <si>
    <t>１－７　農作物単位面積（10a）当たり収穫量</t>
    <rPh sb="4" eb="7">
      <t>ノウサクブツ</t>
    </rPh>
    <rPh sb="7" eb="9">
      <t>タンイ</t>
    </rPh>
    <rPh sb="9" eb="11">
      <t>メンセキ</t>
    </rPh>
    <rPh sb="16" eb="17">
      <t>ア</t>
    </rPh>
    <rPh sb="19" eb="22">
      <t>シュウカクリョウ</t>
    </rPh>
    <phoneticPr fontId="1"/>
  </si>
  <si>
    <t>（各年１２月末現在　単位:ｈａ，ｔ）</t>
    <rPh sb="1" eb="3">
      <t>カクネン</t>
    </rPh>
    <rPh sb="5" eb="6">
      <t>ガツ</t>
    </rPh>
    <rPh sb="6" eb="7">
      <t>マツ</t>
    </rPh>
    <rPh sb="7" eb="9">
      <t>ゲンザイ</t>
    </rPh>
    <rPh sb="10" eb="12">
      <t>タンイ</t>
    </rPh>
    <phoneticPr fontId="1"/>
  </si>
  <si>
    <t>西暦</t>
    <rPh sb="0" eb="2">
      <t>セイレキ</t>
    </rPh>
    <phoneticPr fontId="1"/>
  </si>
  <si>
    <t>和歴</t>
    <rPh sb="0" eb="1">
      <t>ワ</t>
    </rPh>
    <rPh sb="1" eb="2">
      <t>レキ</t>
    </rPh>
    <phoneticPr fontId="1"/>
  </si>
  <si>
    <t>平成22年</t>
    <rPh sb="0" eb="2">
      <t>ｈ</t>
    </rPh>
    <rPh sb="4" eb="5">
      <t>ネン</t>
    </rPh>
    <phoneticPr fontId="1"/>
  </si>
  <si>
    <t>平成17年</t>
    <rPh sb="0" eb="2">
      <t>ｈ</t>
    </rPh>
    <rPh sb="4" eb="5">
      <t>ネン</t>
    </rPh>
    <phoneticPr fontId="1"/>
  </si>
  <si>
    <t>麦類</t>
  </si>
  <si>
    <t>豆類</t>
  </si>
  <si>
    <t>工芸農作物</t>
  </si>
  <si>
    <t>てんさい</t>
    <phoneticPr fontId="4"/>
  </si>
  <si>
    <t>大豆</t>
    <rPh sb="0" eb="2">
      <t>ダイズ</t>
    </rPh>
    <phoneticPr fontId="4"/>
  </si>
  <si>
    <t>小麦</t>
    <rPh sb="0" eb="2">
      <t>コムギ</t>
    </rPh>
    <phoneticPr fontId="4"/>
  </si>
  <si>
    <t>秋にんじん</t>
    <rPh sb="0" eb="1">
      <t>アキ</t>
    </rPh>
    <phoneticPr fontId="4"/>
  </si>
  <si>
    <t>平成16年</t>
    <rPh sb="0" eb="2">
      <t>ｈ</t>
    </rPh>
    <rPh sb="4" eb="5">
      <t>ネン</t>
    </rPh>
    <phoneticPr fontId="1"/>
  </si>
  <si>
    <t>平成18年</t>
    <rPh sb="0" eb="2">
      <t>ｈ</t>
    </rPh>
    <rPh sb="4" eb="5">
      <t>ネン</t>
    </rPh>
    <phoneticPr fontId="1"/>
  </si>
  <si>
    <t>平成19年</t>
    <rPh sb="0" eb="2">
      <t>ｈ</t>
    </rPh>
    <rPh sb="4" eb="5">
      <t>ネン</t>
    </rPh>
    <phoneticPr fontId="1"/>
  </si>
  <si>
    <t>平成20年</t>
    <rPh sb="0" eb="2">
      <t>ｈ</t>
    </rPh>
    <rPh sb="4" eb="5">
      <t>ネン</t>
    </rPh>
    <phoneticPr fontId="1"/>
  </si>
  <si>
    <t>平成21年</t>
    <rPh sb="0" eb="2">
      <t>ｈ</t>
    </rPh>
    <rPh sb="4" eb="5">
      <t>ネン</t>
    </rPh>
    <phoneticPr fontId="1"/>
  </si>
  <si>
    <t>平成23年</t>
    <rPh sb="0" eb="2">
      <t>ｈ</t>
    </rPh>
    <rPh sb="4" eb="5">
      <t>ネン</t>
    </rPh>
    <phoneticPr fontId="1"/>
  </si>
  <si>
    <t>平成24年</t>
    <rPh sb="0" eb="2">
      <t>ｈ</t>
    </rPh>
    <rPh sb="4" eb="5">
      <t>ネン</t>
    </rPh>
    <phoneticPr fontId="1"/>
  </si>
  <si>
    <t>平成25年</t>
    <rPh sb="0" eb="2">
      <t>ｈ</t>
    </rPh>
    <rPh sb="4" eb="5">
      <t>ネン</t>
    </rPh>
    <phoneticPr fontId="1"/>
  </si>
  <si>
    <t>平成26年</t>
    <rPh sb="0" eb="2">
      <t>ｈ</t>
    </rPh>
    <rPh sb="4" eb="5">
      <t>ネン</t>
    </rPh>
    <phoneticPr fontId="1"/>
  </si>
  <si>
    <t>水陸稲</t>
    <phoneticPr fontId="4"/>
  </si>
  <si>
    <t>作付面積</t>
    <rPh sb="0" eb="2">
      <t>サクツケ</t>
    </rPh>
    <rPh sb="2" eb="4">
      <t>メンセキ</t>
    </rPh>
    <phoneticPr fontId="4"/>
  </si>
  <si>
    <t xml:space="preserve">資料：農林水産統計年報　市町村編（北海道農林統計協会協議会）「平成18年まで」、
作物統計調査（農林水産省：指定統計）「平成19年から」
</t>
    <rPh sb="0" eb="2">
      <t>シリョウ</t>
    </rPh>
    <phoneticPr fontId="1"/>
  </si>
  <si>
    <t>x</t>
    <phoneticPr fontId="4"/>
  </si>
  <si>
    <t>x</t>
    <phoneticPr fontId="4"/>
  </si>
  <si>
    <t>平成27年</t>
    <rPh sb="0" eb="2">
      <t>ｈ</t>
    </rPh>
    <rPh sb="4" eb="5">
      <t>ネン</t>
    </rPh>
    <phoneticPr fontId="1"/>
  </si>
  <si>
    <t>平成28年</t>
    <rPh sb="0" eb="2">
      <t>ｈ</t>
    </rPh>
    <rPh sb="4" eb="5">
      <t>ネン</t>
    </rPh>
    <phoneticPr fontId="1"/>
  </si>
  <si>
    <t>そば</t>
    <phoneticPr fontId="4"/>
  </si>
  <si>
    <t>平成29年</t>
    <rPh sb="0" eb="2">
      <t>ｈ</t>
    </rPh>
    <rPh sb="4" eb="5">
      <t>ネン</t>
    </rPh>
    <phoneticPr fontId="1"/>
  </si>
  <si>
    <t>平成30年</t>
    <rPh sb="0" eb="2">
      <t>ｈ</t>
    </rPh>
    <rPh sb="4" eb="5">
      <t>ネン</t>
    </rPh>
    <phoneticPr fontId="1"/>
  </si>
  <si>
    <t>令和元年</t>
    <rPh sb="0" eb="4">
      <t>レイワガンネン</t>
    </rPh>
    <phoneticPr fontId="1"/>
  </si>
  <si>
    <t>ばれいしょ</t>
    <phoneticPr fontId="4"/>
  </si>
  <si>
    <t>令和２年</t>
    <rPh sb="0" eb="2">
      <t>レイワ</t>
    </rPh>
    <rPh sb="3" eb="4">
      <t>ネン</t>
    </rPh>
    <phoneticPr fontId="1"/>
  </si>
  <si>
    <t>令和３年</t>
    <rPh sb="0" eb="2">
      <t>レイワ</t>
    </rPh>
    <rPh sb="3" eb="4">
      <t>ネ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_ * #,##0_ ;_ * &quot;¥&quot;\!\-#,##0_ ;_ * &quot;-&quot;_ ;_ @_ "/>
    <numFmt numFmtId="177" formatCode="0000&quot;年&quot;"/>
  </numFmts>
  <fonts count="7" x14ac:knownFonts="1"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b/>
      <sz val="16"/>
      <name val="ＭＳ 明朝"/>
      <family val="1"/>
      <charset val="128"/>
    </font>
    <font>
      <sz val="10"/>
      <name val="ＭＳ 明朝"/>
      <family val="1"/>
      <charset val="128"/>
    </font>
    <font>
      <sz val="6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48">
    <border>
      <left/>
      <right/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medium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medium">
        <color indexed="64"/>
      </left>
      <right style="hair">
        <color indexed="64"/>
      </right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/>
      <diagonal/>
    </border>
    <border>
      <left style="medium">
        <color indexed="64"/>
      </left>
      <right style="hair">
        <color indexed="64"/>
      </right>
      <top/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</borders>
  <cellStyleXfs count="3">
    <xf numFmtId="0" fontId="0" fillId="0" borderId="0"/>
    <xf numFmtId="38" fontId="5" fillId="0" borderId="0" applyFont="0" applyFill="0" applyBorder="0" applyAlignment="0" applyProtection="0"/>
    <xf numFmtId="0" fontId="6" fillId="0" borderId="0">
      <alignment vertical="center"/>
    </xf>
  </cellStyleXfs>
  <cellXfs count="83">
    <xf numFmtId="0" fontId="0" fillId="0" borderId="0" xfId="0"/>
    <xf numFmtId="0" fontId="2" fillId="0" borderId="0" xfId="0" applyFont="1"/>
    <xf numFmtId="0" fontId="0" fillId="0" borderId="4" xfId="0" applyBorder="1" applyAlignment="1">
      <alignment horizontal="center" vertical="center"/>
    </xf>
    <xf numFmtId="176" fontId="0" fillId="0" borderId="10" xfId="0" applyNumberFormat="1" applyBorder="1" applyAlignment="1">
      <alignment vertical="center" shrinkToFit="1"/>
    </xf>
    <xf numFmtId="176" fontId="0" fillId="0" borderId="11" xfId="0" applyNumberFormat="1" applyBorder="1" applyAlignment="1">
      <alignment vertical="center" shrinkToFit="1"/>
    </xf>
    <xf numFmtId="176" fontId="0" fillId="0" borderId="12" xfId="0" applyNumberFormat="1" applyBorder="1" applyAlignment="1">
      <alignment vertical="center" shrinkToFit="1"/>
    </xf>
    <xf numFmtId="176" fontId="0" fillId="0" borderId="13" xfId="0" applyNumberFormat="1" applyBorder="1" applyAlignment="1">
      <alignment vertical="center" shrinkToFit="1"/>
    </xf>
    <xf numFmtId="0" fontId="0" fillId="0" borderId="14" xfId="0" applyFont="1" applyFill="1" applyBorder="1" applyAlignment="1">
      <alignment horizontal="center" vertical="center"/>
    </xf>
    <xf numFmtId="0" fontId="0" fillId="0" borderId="4" xfId="0" applyFont="1" applyFill="1" applyBorder="1" applyAlignment="1">
      <alignment horizontal="center" vertical="center"/>
    </xf>
    <xf numFmtId="0" fontId="0" fillId="0" borderId="0" xfId="0" applyBorder="1" applyAlignment="1"/>
    <xf numFmtId="0" fontId="0" fillId="0" borderId="15" xfId="0" applyFont="1" applyBorder="1" applyAlignment="1">
      <alignment horizontal="center" vertical="center" shrinkToFit="1"/>
    </xf>
    <xf numFmtId="0" fontId="0" fillId="0" borderId="15" xfId="0" applyFont="1" applyBorder="1" applyAlignment="1">
      <alignment horizontal="center" vertical="center" wrapText="1" shrinkToFit="1"/>
    </xf>
    <xf numFmtId="0" fontId="0" fillId="0" borderId="16" xfId="0" applyFont="1" applyBorder="1" applyAlignment="1">
      <alignment horizontal="center" vertical="center" shrinkToFit="1"/>
    </xf>
    <xf numFmtId="0" fontId="0" fillId="0" borderId="16" xfId="0" applyFont="1" applyBorder="1" applyAlignment="1">
      <alignment horizontal="center" vertical="center" wrapText="1" shrinkToFit="1"/>
    </xf>
    <xf numFmtId="0" fontId="0" fillId="0" borderId="17" xfId="0" applyFont="1" applyBorder="1" applyAlignment="1">
      <alignment horizontal="center" vertical="center" shrinkToFit="1"/>
    </xf>
    <xf numFmtId="176" fontId="0" fillId="0" borderId="18" xfId="0" applyNumberFormat="1" applyBorder="1" applyAlignment="1">
      <alignment vertical="center" shrinkToFit="1"/>
    </xf>
    <xf numFmtId="176" fontId="0" fillId="0" borderId="18" xfId="0" applyNumberFormat="1" applyBorder="1" applyAlignment="1">
      <alignment horizontal="center" vertical="center" shrinkToFit="1"/>
    </xf>
    <xf numFmtId="176" fontId="0" fillId="0" borderId="3" xfId="0" applyNumberFormat="1" applyBorder="1" applyAlignment="1">
      <alignment vertical="center" shrinkToFit="1"/>
    </xf>
    <xf numFmtId="176" fontId="0" fillId="0" borderId="1" xfId="0" applyNumberFormat="1" applyBorder="1" applyAlignment="1">
      <alignment vertical="center" shrinkToFit="1"/>
    </xf>
    <xf numFmtId="176" fontId="0" fillId="0" borderId="1" xfId="0" applyNumberFormat="1" applyBorder="1" applyAlignment="1">
      <alignment horizontal="center" vertical="center" shrinkToFit="1"/>
    </xf>
    <xf numFmtId="176" fontId="0" fillId="0" borderId="2" xfId="0" applyNumberFormat="1" applyBorder="1" applyAlignment="1">
      <alignment vertical="center" shrinkToFit="1"/>
    </xf>
    <xf numFmtId="176" fontId="0" fillId="0" borderId="19" xfId="0" applyNumberFormat="1" applyBorder="1" applyAlignment="1">
      <alignment vertical="center" shrinkToFit="1"/>
    </xf>
    <xf numFmtId="176" fontId="0" fillId="0" borderId="19" xfId="0" applyNumberFormat="1" applyBorder="1" applyAlignment="1">
      <alignment horizontal="center" vertical="center" shrinkToFit="1"/>
    </xf>
    <xf numFmtId="0" fontId="3" fillId="0" borderId="20" xfId="0" applyFont="1" applyFill="1" applyBorder="1" applyAlignment="1">
      <alignment horizontal="center" vertical="center"/>
    </xf>
    <xf numFmtId="0" fontId="3" fillId="0" borderId="21" xfId="0" applyFont="1" applyFill="1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176" fontId="0" fillId="0" borderId="18" xfId="0" applyNumberFormat="1" applyFill="1" applyBorder="1" applyAlignment="1">
      <alignment horizontal="center" vertical="center" shrinkToFit="1"/>
    </xf>
    <xf numFmtId="176" fontId="0" fillId="0" borderId="1" xfId="0" applyNumberFormat="1" applyFill="1" applyBorder="1" applyAlignment="1">
      <alignment horizontal="center" vertical="center" shrinkToFit="1"/>
    </xf>
    <xf numFmtId="176" fontId="0" fillId="0" borderId="18" xfId="0" applyNumberFormat="1" applyFill="1" applyBorder="1" applyAlignment="1">
      <alignment horizontal="right" vertical="center" shrinkToFit="1"/>
    </xf>
    <xf numFmtId="176" fontId="0" fillId="0" borderId="1" xfId="0" applyNumberFormat="1" applyFill="1" applyBorder="1" applyAlignment="1">
      <alignment horizontal="right" vertical="center" shrinkToFit="1"/>
    </xf>
    <xf numFmtId="0" fontId="3" fillId="0" borderId="20" xfId="0" applyFont="1" applyFill="1" applyBorder="1" applyAlignment="1">
      <alignment horizontal="center" vertical="center"/>
    </xf>
    <xf numFmtId="0" fontId="3" fillId="0" borderId="20" xfId="0" applyFont="1" applyFill="1" applyBorder="1" applyAlignment="1">
      <alignment horizontal="center" vertical="center"/>
    </xf>
    <xf numFmtId="176" fontId="0" fillId="2" borderId="18" xfId="0" applyNumberFormat="1" applyFill="1" applyBorder="1" applyAlignment="1">
      <alignment vertical="center" shrinkToFit="1"/>
    </xf>
    <xf numFmtId="176" fontId="0" fillId="2" borderId="1" xfId="0" applyNumberFormat="1" applyFill="1" applyBorder="1" applyAlignment="1">
      <alignment vertical="center" shrinkToFit="1"/>
    </xf>
    <xf numFmtId="0" fontId="3" fillId="0" borderId="20" xfId="0" applyFont="1" applyFill="1" applyBorder="1" applyAlignment="1">
      <alignment horizontal="center" vertical="center"/>
    </xf>
    <xf numFmtId="0" fontId="0" fillId="0" borderId="27" xfId="0" applyBorder="1" applyAlignment="1">
      <alignment horizontal="center" vertical="center"/>
    </xf>
    <xf numFmtId="176" fontId="0" fillId="0" borderId="26" xfId="0" applyNumberFormat="1" applyBorder="1" applyAlignment="1">
      <alignment vertical="center" shrinkToFit="1"/>
    </xf>
    <xf numFmtId="176" fontId="0" fillId="0" borderId="16" xfId="0" applyNumberFormat="1" applyBorder="1" applyAlignment="1">
      <alignment vertical="center" shrinkToFit="1"/>
    </xf>
    <xf numFmtId="176" fontId="0" fillId="0" borderId="16" xfId="0" applyNumberFormat="1" applyBorder="1" applyAlignment="1">
      <alignment horizontal="center" vertical="center" shrinkToFit="1"/>
    </xf>
    <xf numFmtId="176" fontId="0" fillId="0" borderId="17" xfId="0" applyNumberFormat="1" applyBorder="1" applyAlignment="1">
      <alignment vertical="center" shrinkToFit="1"/>
    </xf>
    <xf numFmtId="0" fontId="3" fillId="0" borderId="21" xfId="0" applyFont="1" applyFill="1" applyBorder="1" applyAlignment="1">
      <alignment horizontal="center" vertical="center"/>
    </xf>
    <xf numFmtId="176" fontId="0" fillId="0" borderId="23" xfId="0" applyNumberFormat="1" applyBorder="1" applyAlignment="1">
      <alignment vertical="center" shrinkToFit="1"/>
    </xf>
    <xf numFmtId="176" fontId="0" fillId="0" borderId="24" xfId="0" applyNumberFormat="1" applyBorder="1" applyAlignment="1">
      <alignment vertical="center" shrinkToFit="1"/>
    </xf>
    <xf numFmtId="176" fontId="0" fillId="0" borderId="24" xfId="0" applyNumberFormat="1" applyBorder="1" applyAlignment="1">
      <alignment horizontal="center" vertical="center" shrinkToFit="1"/>
    </xf>
    <xf numFmtId="176" fontId="0" fillId="0" borderId="25" xfId="0" applyNumberFormat="1" applyBorder="1" applyAlignment="1">
      <alignment vertical="center" shrinkToFit="1"/>
    </xf>
    <xf numFmtId="0" fontId="0" fillId="0" borderId="43" xfId="0" applyBorder="1" applyAlignment="1">
      <alignment horizontal="center" vertical="center"/>
    </xf>
    <xf numFmtId="176" fontId="0" fillId="0" borderId="44" xfId="0" applyNumberFormat="1" applyBorder="1" applyAlignment="1">
      <alignment vertical="center" shrinkToFit="1"/>
    </xf>
    <xf numFmtId="176" fontId="0" fillId="0" borderId="42" xfId="0" applyNumberFormat="1" applyBorder="1" applyAlignment="1">
      <alignment vertical="center" shrinkToFit="1"/>
    </xf>
    <xf numFmtId="176" fontId="0" fillId="0" borderId="42" xfId="0" applyNumberFormat="1" applyBorder="1" applyAlignment="1">
      <alignment horizontal="center" vertical="center" shrinkToFit="1"/>
    </xf>
    <xf numFmtId="176" fontId="0" fillId="0" borderId="45" xfId="0" applyNumberFormat="1" applyBorder="1" applyAlignment="1">
      <alignment vertical="center" shrinkToFit="1"/>
    </xf>
    <xf numFmtId="0" fontId="0" fillId="0" borderId="46" xfId="0" applyBorder="1"/>
    <xf numFmtId="0" fontId="0" fillId="0" borderId="47" xfId="0" applyBorder="1"/>
    <xf numFmtId="177" fontId="0" fillId="0" borderId="41" xfId="0" applyNumberFormat="1" applyFill="1" applyBorder="1" applyAlignment="1">
      <alignment horizontal="center" vertical="center"/>
    </xf>
    <xf numFmtId="177" fontId="0" fillId="0" borderId="40" xfId="0" applyNumberFormat="1" applyFill="1" applyBorder="1" applyAlignment="1">
      <alignment horizontal="center" vertical="center"/>
    </xf>
    <xf numFmtId="0" fontId="3" fillId="0" borderId="24" xfId="0" applyFont="1" applyFill="1" applyBorder="1" applyAlignment="1">
      <alignment horizontal="center" vertical="center"/>
    </xf>
    <xf numFmtId="0" fontId="3" fillId="0" borderId="16" xfId="0" applyFont="1" applyFill="1" applyBorder="1" applyAlignment="1">
      <alignment horizontal="center" vertical="center"/>
    </xf>
    <xf numFmtId="177" fontId="0" fillId="0" borderId="29" xfId="0" applyNumberFormat="1" applyFill="1" applyBorder="1" applyAlignment="1">
      <alignment horizontal="center" vertical="center"/>
    </xf>
    <xf numFmtId="0" fontId="3" fillId="0" borderId="18" xfId="0" applyFont="1" applyFill="1" applyBorder="1" applyAlignment="1">
      <alignment horizontal="center" vertical="center"/>
    </xf>
    <xf numFmtId="0" fontId="3" fillId="0" borderId="42" xfId="0" applyFont="1" applyFill="1" applyBorder="1" applyAlignment="1">
      <alignment horizontal="center" vertical="center"/>
    </xf>
    <xf numFmtId="177" fontId="0" fillId="0" borderId="32" xfId="0" applyNumberFormat="1" applyFill="1" applyBorder="1" applyAlignment="1">
      <alignment horizontal="center" vertical="center"/>
    </xf>
    <xf numFmtId="0" fontId="3" fillId="0" borderId="19" xfId="0" applyFont="1" applyFill="1" applyBorder="1" applyAlignment="1">
      <alignment horizontal="center" vertical="center"/>
    </xf>
    <xf numFmtId="0" fontId="3" fillId="0" borderId="28" xfId="0" applyFont="1" applyFill="1" applyBorder="1" applyAlignment="1">
      <alignment horizontal="center" vertical="center"/>
    </xf>
    <xf numFmtId="0" fontId="3" fillId="0" borderId="5" xfId="0" applyFont="1" applyFill="1" applyBorder="1" applyAlignment="1">
      <alignment horizontal="center" vertical="center"/>
    </xf>
    <xf numFmtId="177" fontId="0" fillId="0" borderId="34" xfId="0" applyNumberFormat="1" applyFill="1" applyBorder="1" applyAlignment="1">
      <alignment horizontal="center" vertical="center"/>
    </xf>
    <xf numFmtId="177" fontId="0" fillId="0" borderId="6" xfId="0" applyNumberFormat="1" applyFill="1" applyBorder="1" applyAlignment="1">
      <alignment horizontal="center" vertical="center"/>
    </xf>
    <xf numFmtId="0" fontId="0" fillId="0" borderId="0" xfId="0" applyAlignment="1">
      <alignment horizontal="left" vertical="center" wrapText="1"/>
    </xf>
    <xf numFmtId="177" fontId="0" fillId="0" borderId="35" xfId="0" applyNumberFormat="1" applyFill="1" applyBorder="1" applyAlignment="1">
      <alignment horizontal="center" vertical="center"/>
    </xf>
    <xf numFmtId="0" fontId="3" fillId="0" borderId="8" xfId="0" applyFont="1" applyFill="1" applyBorder="1" applyAlignment="1">
      <alignment horizontal="center" vertical="center"/>
    </xf>
    <xf numFmtId="0" fontId="0" fillId="0" borderId="9" xfId="0" applyFont="1" applyBorder="1" applyAlignment="1">
      <alignment horizontal="center" vertical="center" wrapText="1" shrinkToFit="1"/>
    </xf>
    <xf numFmtId="0" fontId="0" fillId="0" borderId="37" xfId="0" applyFont="1" applyBorder="1" applyAlignment="1">
      <alignment horizontal="center" vertical="center" wrapText="1" shrinkToFit="1"/>
    </xf>
    <xf numFmtId="0" fontId="0" fillId="0" borderId="36" xfId="0" applyFont="1" applyFill="1" applyBorder="1" applyAlignment="1">
      <alignment horizontal="center" vertical="center"/>
    </xf>
    <xf numFmtId="0" fontId="0" fillId="0" borderId="35" xfId="0" applyFont="1" applyFill="1" applyBorder="1" applyAlignment="1">
      <alignment horizontal="center" vertical="center"/>
    </xf>
    <xf numFmtId="0" fontId="0" fillId="0" borderId="7" xfId="0" applyFont="1" applyFill="1" applyBorder="1" applyAlignment="1">
      <alignment horizontal="center" vertical="center"/>
    </xf>
    <xf numFmtId="0" fontId="0" fillId="0" borderId="8" xfId="0" applyFont="1" applyFill="1" applyBorder="1" applyAlignment="1">
      <alignment horizontal="center" vertical="center"/>
    </xf>
    <xf numFmtId="0" fontId="0" fillId="0" borderId="15" xfId="0" applyFont="1" applyBorder="1" applyAlignment="1">
      <alignment horizontal="center" vertical="center" shrinkToFit="1"/>
    </xf>
    <xf numFmtId="0" fontId="0" fillId="0" borderId="33" xfId="0" applyFont="1" applyBorder="1" applyAlignment="1">
      <alignment horizontal="center" vertical="center" shrinkToFit="1"/>
    </xf>
    <xf numFmtId="0" fontId="0" fillId="0" borderId="7" xfId="0" applyFont="1" applyBorder="1" applyAlignment="1">
      <alignment horizontal="center" vertical="center" shrinkToFit="1"/>
    </xf>
    <xf numFmtId="0" fontId="0" fillId="0" borderId="8" xfId="0" applyFont="1" applyBorder="1" applyAlignment="1">
      <alignment horizontal="center" vertical="center" shrinkToFit="1"/>
    </xf>
    <xf numFmtId="177" fontId="0" fillId="0" borderId="38" xfId="0" applyNumberFormat="1" applyFill="1" applyBorder="1" applyAlignment="1">
      <alignment horizontal="center" vertical="center"/>
    </xf>
    <xf numFmtId="0" fontId="3" fillId="0" borderId="39" xfId="0" applyFont="1" applyFill="1" applyBorder="1" applyAlignment="1">
      <alignment horizontal="center" vertical="center"/>
    </xf>
    <xf numFmtId="177" fontId="0" fillId="0" borderId="30" xfId="0" applyNumberFormat="1" applyFill="1" applyBorder="1" applyAlignment="1">
      <alignment horizontal="center" vertical="center"/>
    </xf>
    <xf numFmtId="177" fontId="0" fillId="0" borderId="31" xfId="0" applyNumberFormat="1" applyFill="1" applyBorder="1" applyAlignment="1">
      <alignment horizontal="center" vertical="center"/>
    </xf>
    <xf numFmtId="0" fontId="3" fillId="0" borderId="1" xfId="0" applyFont="1" applyFill="1" applyBorder="1" applyAlignment="1">
      <alignment horizontal="center" vertical="center"/>
    </xf>
  </cellXfs>
  <cellStyles count="3">
    <cellStyle name="桁区切り 2" xfId="1" xr:uid="{00000000-0005-0000-0000-000001000000}"/>
    <cellStyle name="標準" xfId="0" builtinId="0"/>
    <cellStyle name="標準 2" xfId="2" xr:uid="{00000000-0005-0000-0000-000003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theme="0"/>
  </sheetPr>
  <dimension ref="A1:M43"/>
  <sheetViews>
    <sheetView tabSelected="1" view="pageBreakPreview" zoomScale="145" zoomScaleNormal="100" zoomScaleSheetLayoutView="145" workbookViewId="0">
      <pane xSplit="2" ySplit="6" topLeftCell="C37" activePane="bottomRight" state="frozen"/>
      <selection activeCell="H55" sqref="H55"/>
      <selection pane="topRight" activeCell="H55" sqref="H55"/>
      <selection pane="bottomLeft" activeCell="H55" sqref="H55"/>
      <selection pane="bottomRight" activeCell="I45" sqref="I45"/>
    </sheetView>
  </sheetViews>
  <sheetFormatPr defaultRowHeight="13.2" x14ac:dyDescent="0.2"/>
  <cols>
    <col min="1" max="3" width="9.33203125" customWidth="1"/>
    <col min="4" max="10" width="8.88671875" customWidth="1"/>
    <col min="11" max="11" width="8.109375" customWidth="1"/>
    <col min="12" max="12" width="6.6640625" customWidth="1"/>
    <col min="13" max="13" width="8.109375" customWidth="1"/>
    <col min="14" max="14" width="6.6640625" customWidth="1"/>
    <col min="15" max="15" width="8.109375" customWidth="1"/>
    <col min="16" max="16" width="6.6640625" customWidth="1"/>
    <col min="17" max="17" width="8.109375" customWidth="1"/>
    <col min="18" max="18" width="6.6640625" customWidth="1"/>
    <col min="19" max="19" width="8.109375" customWidth="1"/>
    <col min="20" max="20" width="6.6640625" customWidth="1"/>
    <col min="21" max="21" width="8.109375" customWidth="1"/>
    <col min="22" max="22" width="6.6640625" customWidth="1"/>
    <col min="23" max="23" width="8.109375" customWidth="1"/>
    <col min="24" max="24" width="6.109375" customWidth="1"/>
    <col min="26" max="26" width="6.109375" customWidth="1"/>
    <col min="28" max="28" width="6.109375" customWidth="1"/>
  </cols>
  <sheetData>
    <row r="1" spans="1:13" ht="19.2" x14ac:dyDescent="0.25">
      <c r="A1" s="1" t="s">
        <v>1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3" ht="20.100000000000001" customHeight="1" x14ac:dyDescent="0.2">
      <c r="B2" s="65" t="s">
        <v>25</v>
      </c>
      <c r="C2" s="65"/>
      <c r="D2" s="65"/>
      <c r="E2" s="65"/>
      <c r="F2" s="65"/>
      <c r="G2" s="65"/>
      <c r="H2" s="65"/>
      <c r="I2" s="65"/>
      <c r="J2" s="65"/>
    </row>
    <row r="3" spans="1:13" ht="20.100000000000001" customHeight="1" x14ac:dyDescent="0.2">
      <c r="B3" s="65"/>
      <c r="C3" s="65"/>
      <c r="D3" s="65"/>
      <c r="E3" s="65"/>
      <c r="F3" s="65"/>
      <c r="G3" s="65"/>
      <c r="H3" s="65"/>
      <c r="I3" s="65"/>
      <c r="J3" s="65"/>
    </row>
    <row r="4" spans="1:13" ht="13.8" thickBot="1" x14ac:dyDescent="0.25">
      <c r="B4" s="50"/>
      <c r="G4" s="9" t="s">
        <v>2</v>
      </c>
      <c r="H4" s="9"/>
      <c r="I4" s="9"/>
      <c r="J4" s="9"/>
    </row>
    <row r="5" spans="1:13" ht="22.5" customHeight="1" x14ac:dyDescent="0.2">
      <c r="A5" s="70" t="s">
        <v>3</v>
      </c>
      <c r="B5" s="72" t="s">
        <v>4</v>
      </c>
      <c r="C5" s="7" t="s">
        <v>24</v>
      </c>
      <c r="D5" s="68" t="s">
        <v>23</v>
      </c>
      <c r="E5" s="10" t="s">
        <v>7</v>
      </c>
      <c r="F5" s="76" t="s">
        <v>30</v>
      </c>
      <c r="G5" s="11" t="s">
        <v>8</v>
      </c>
      <c r="H5" s="74" t="s">
        <v>9</v>
      </c>
      <c r="I5" s="74"/>
      <c r="J5" s="75"/>
    </row>
    <row r="6" spans="1:13" ht="22.5" customHeight="1" x14ac:dyDescent="0.2">
      <c r="A6" s="71"/>
      <c r="B6" s="73"/>
      <c r="C6" s="8" t="s">
        <v>0</v>
      </c>
      <c r="D6" s="69"/>
      <c r="E6" s="12" t="s">
        <v>12</v>
      </c>
      <c r="F6" s="77"/>
      <c r="G6" s="13" t="s">
        <v>11</v>
      </c>
      <c r="H6" s="12" t="s">
        <v>10</v>
      </c>
      <c r="I6" s="12" t="s">
        <v>13</v>
      </c>
      <c r="J6" s="14" t="s">
        <v>34</v>
      </c>
    </row>
    <row r="7" spans="1:13" ht="22.5" customHeight="1" x14ac:dyDescent="0.2">
      <c r="A7" s="63">
        <v>2004</v>
      </c>
      <c r="B7" s="61" t="s">
        <v>14</v>
      </c>
      <c r="C7" s="23" t="s">
        <v>24</v>
      </c>
      <c r="D7" s="3">
        <v>687</v>
      </c>
      <c r="E7" s="15">
        <v>556</v>
      </c>
      <c r="F7" s="15">
        <v>17</v>
      </c>
      <c r="G7" s="15">
        <v>11</v>
      </c>
      <c r="H7" s="28" t="s">
        <v>26</v>
      </c>
      <c r="I7" s="26">
        <v>97</v>
      </c>
      <c r="J7" s="4">
        <v>130</v>
      </c>
    </row>
    <row r="8" spans="1:13" ht="22.5" customHeight="1" x14ac:dyDescent="0.2">
      <c r="A8" s="64"/>
      <c r="B8" s="62"/>
      <c r="C8" s="2" t="s">
        <v>0</v>
      </c>
      <c r="D8" s="17">
        <v>3700</v>
      </c>
      <c r="E8" s="18">
        <v>2170</v>
      </c>
      <c r="F8" s="18">
        <v>11</v>
      </c>
      <c r="G8" s="18">
        <v>21</v>
      </c>
      <c r="H8" s="29" t="s">
        <v>26</v>
      </c>
      <c r="I8" s="27">
        <v>3080</v>
      </c>
      <c r="J8" s="20">
        <v>4450</v>
      </c>
    </row>
    <row r="9" spans="1:13" ht="22.5" customHeight="1" x14ac:dyDescent="0.2">
      <c r="A9" s="63">
        <v>2005</v>
      </c>
      <c r="B9" s="61" t="s">
        <v>6</v>
      </c>
      <c r="C9" s="24" t="s">
        <v>24</v>
      </c>
      <c r="D9" s="3">
        <v>1520</v>
      </c>
      <c r="E9" s="28" t="s">
        <v>26</v>
      </c>
      <c r="F9" s="28" t="s">
        <v>26</v>
      </c>
      <c r="G9" s="15">
        <v>22</v>
      </c>
      <c r="H9" s="28" t="s">
        <v>27</v>
      </c>
      <c r="I9" s="26">
        <v>91</v>
      </c>
      <c r="J9" s="4">
        <v>144</v>
      </c>
    </row>
    <row r="10" spans="1:13" ht="22.5" customHeight="1" x14ac:dyDescent="0.2">
      <c r="A10" s="64"/>
      <c r="B10" s="62"/>
      <c r="C10" s="2" t="s">
        <v>0</v>
      </c>
      <c r="D10" s="17">
        <v>8410</v>
      </c>
      <c r="E10" s="29" t="s">
        <v>26</v>
      </c>
      <c r="F10" s="29" t="s">
        <v>26</v>
      </c>
      <c r="G10" s="18">
        <v>47</v>
      </c>
      <c r="H10" s="29" t="s">
        <v>26</v>
      </c>
      <c r="I10" s="27">
        <v>3210</v>
      </c>
      <c r="J10" s="20">
        <v>4800</v>
      </c>
    </row>
    <row r="11" spans="1:13" ht="22.5" customHeight="1" x14ac:dyDescent="0.2">
      <c r="A11" s="63">
        <v>2006</v>
      </c>
      <c r="B11" s="61" t="s">
        <v>15</v>
      </c>
      <c r="C11" s="23" t="s">
        <v>24</v>
      </c>
      <c r="D11" s="3">
        <v>1480</v>
      </c>
      <c r="E11" s="15">
        <v>843</v>
      </c>
      <c r="F11" s="15">
        <v>86</v>
      </c>
      <c r="G11" s="15">
        <v>12</v>
      </c>
      <c r="H11" s="15">
        <v>97</v>
      </c>
      <c r="I11" s="16">
        <v>77</v>
      </c>
      <c r="J11" s="4">
        <v>156</v>
      </c>
    </row>
    <row r="12" spans="1:13" ht="22.5" customHeight="1" x14ac:dyDescent="0.2">
      <c r="A12" s="64"/>
      <c r="B12" s="62"/>
      <c r="C12" s="2" t="s">
        <v>0</v>
      </c>
      <c r="D12" s="17">
        <v>8170</v>
      </c>
      <c r="E12" s="18">
        <v>2640</v>
      </c>
      <c r="F12" s="18">
        <v>90</v>
      </c>
      <c r="G12" s="18">
        <v>27</v>
      </c>
      <c r="H12" s="18">
        <v>4510</v>
      </c>
      <c r="I12" s="19">
        <v>2600</v>
      </c>
      <c r="J12" s="20">
        <v>4780</v>
      </c>
    </row>
    <row r="13" spans="1:13" ht="22.5" customHeight="1" x14ac:dyDescent="0.2">
      <c r="A13" s="63">
        <v>2007</v>
      </c>
      <c r="B13" s="61" t="s">
        <v>16</v>
      </c>
      <c r="C13" s="23" t="s">
        <v>24</v>
      </c>
      <c r="D13" s="3">
        <v>1480</v>
      </c>
      <c r="E13" s="15">
        <v>777</v>
      </c>
      <c r="F13" s="32"/>
      <c r="G13" s="15">
        <v>17</v>
      </c>
      <c r="H13" s="15">
        <v>93</v>
      </c>
      <c r="I13" s="16">
        <v>69</v>
      </c>
      <c r="J13" s="4">
        <v>163</v>
      </c>
    </row>
    <row r="14" spans="1:13" ht="22.5" customHeight="1" x14ac:dyDescent="0.2">
      <c r="A14" s="64"/>
      <c r="B14" s="62"/>
      <c r="C14" s="2" t="s">
        <v>0</v>
      </c>
      <c r="D14" s="17">
        <v>7450</v>
      </c>
      <c r="E14" s="18">
        <v>3320</v>
      </c>
      <c r="F14" s="33"/>
      <c r="G14" s="18">
        <v>39</v>
      </c>
      <c r="H14" s="18">
        <v>5750</v>
      </c>
      <c r="I14" s="19">
        <v>2140</v>
      </c>
      <c r="J14" s="20">
        <v>5140</v>
      </c>
    </row>
    <row r="15" spans="1:13" ht="22.5" customHeight="1" x14ac:dyDescent="0.2">
      <c r="A15" s="63">
        <v>2008</v>
      </c>
      <c r="B15" s="61" t="s">
        <v>17</v>
      </c>
      <c r="C15" s="23" t="s">
        <v>24</v>
      </c>
      <c r="D15" s="3">
        <v>1450</v>
      </c>
      <c r="E15" s="15">
        <v>774</v>
      </c>
      <c r="F15" s="32"/>
      <c r="G15" s="15">
        <v>8</v>
      </c>
      <c r="H15" s="15">
        <v>81</v>
      </c>
      <c r="I15" s="16">
        <v>55</v>
      </c>
      <c r="J15" s="4">
        <v>176</v>
      </c>
    </row>
    <row r="16" spans="1:13" ht="22.5" customHeight="1" x14ac:dyDescent="0.2">
      <c r="A16" s="64"/>
      <c r="B16" s="62"/>
      <c r="C16" s="2" t="s">
        <v>0</v>
      </c>
      <c r="D16" s="17">
        <v>8020</v>
      </c>
      <c r="E16" s="18">
        <v>2580</v>
      </c>
      <c r="F16" s="33"/>
      <c r="G16" s="18">
        <v>21</v>
      </c>
      <c r="H16" s="18">
        <v>4830</v>
      </c>
      <c r="I16" s="19">
        <v>1650</v>
      </c>
      <c r="J16" s="20">
        <v>5630</v>
      </c>
    </row>
    <row r="17" spans="1:10" ht="22.5" customHeight="1" x14ac:dyDescent="0.2">
      <c r="A17" s="63">
        <v>2009</v>
      </c>
      <c r="B17" s="61" t="s">
        <v>18</v>
      </c>
      <c r="C17" s="23" t="s">
        <v>24</v>
      </c>
      <c r="D17" s="3">
        <v>1450</v>
      </c>
      <c r="E17" s="15">
        <v>841</v>
      </c>
      <c r="F17" s="32"/>
      <c r="G17" s="15">
        <v>7</v>
      </c>
      <c r="H17" s="15">
        <v>88</v>
      </c>
      <c r="I17" s="16">
        <v>55</v>
      </c>
      <c r="J17" s="4">
        <v>166</v>
      </c>
    </row>
    <row r="18" spans="1:10" ht="22.5" customHeight="1" x14ac:dyDescent="0.2">
      <c r="A18" s="64"/>
      <c r="B18" s="62"/>
      <c r="C18" s="2" t="s">
        <v>0</v>
      </c>
      <c r="D18" s="17">
        <v>7010</v>
      </c>
      <c r="E18" s="18">
        <v>2410</v>
      </c>
      <c r="F18" s="33"/>
      <c r="G18" s="18">
        <v>15</v>
      </c>
      <c r="H18" s="18">
        <v>4130</v>
      </c>
      <c r="I18" s="19">
        <v>1600</v>
      </c>
      <c r="J18" s="20">
        <v>5050</v>
      </c>
    </row>
    <row r="19" spans="1:10" ht="22.5" customHeight="1" x14ac:dyDescent="0.2">
      <c r="A19" s="63">
        <v>2010</v>
      </c>
      <c r="B19" s="61" t="s">
        <v>5</v>
      </c>
      <c r="C19" s="23" t="s">
        <v>24</v>
      </c>
      <c r="D19" s="3">
        <v>1450</v>
      </c>
      <c r="E19" s="15">
        <v>883</v>
      </c>
      <c r="F19" s="15">
        <v>88</v>
      </c>
      <c r="G19" s="15">
        <v>8</v>
      </c>
      <c r="H19" s="15">
        <v>78</v>
      </c>
      <c r="I19" s="16">
        <v>65</v>
      </c>
      <c r="J19" s="4">
        <v>163</v>
      </c>
    </row>
    <row r="20" spans="1:10" ht="22.5" customHeight="1" x14ac:dyDescent="0.2">
      <c r="A20" s="64"/>
      <c r="B20" s="62"/>
      <c r="C20" s="2" t="s">
        <v>0</v>
      </c>
      <c r="D20" s="17">
        <v>7660</v>
      </c>
      <c r="E20" s="18">
        <v>2540</v>
      </c>
      <c r="F20" s="18">
        <v>56</v>
      </c>
      <c r="G20" s="18">
        <v>16</v>
      </c>
      <c r="H20" s="18">
        <v>2220</v>
      </c>
      <c r="I20" s="19">
        <v>1760</v>
      </c>
      <c r="J20" s="20">
        <v>4570</v>
      </c>
    </row>
    <row r="21" spans="1:10" ht="22.5" customHeight="1" x14ac:dyDescent="0.2">
      <c r="A21" s="63">
        <v>2011</v>
      </c>
      <c r="B21" s="61" t="s">
        <v>19</v>
      </c>
      <c r="C21" s="23" t="s">
        <v>24</v>
      </c>
      <c r="D21" s="3">
        <v>1440</v>
      </c>
      <c r="E21" s="15">
        <v>891</v>
      </c>
      <c r="F21" s="15">
        <v>105</v>
      </c>
      <c r="G21" s="15">
        <v>8</v>
      </c>
      <c r="H21" s="15">
        <v>68</v>
      </c>
      <c r="I21" s="16">
        <v>65</v>
      </c>
      <c r="J21" s="4">
        <v>162</v>
      </c>
    </row>
    <row r="22" spans="1:10" ht="22.5" customHeight="1" x14ac:dyDescent="0.2">
      <c r="A22" s="64"/>
      <c r="B22" s="62"/>
      <c r="C22" s="2" t="s">
        <v>0</v>
      </c>
      <c r="D22" s="17">
        <v>7720</v>
      </c>
      <c r="E22" s="18">
        <v>2490</v>
      </c>
      <c r="F22" s="18">
        <v>90</v>
      </c>
      <c r="G22" s="18">
        <v>17</v>
      </c>
      <c r="H22" s="18">
        <v>1990</v>
      </c>
      <c r="I22" s="19">
        <v>1690</v>
      </c>
      <c r="J22" s="20">
        <v>3760</v>
      </c>
    </row>
    <row r="23" spans="1:10" ht="22.5" customHeight="1" x14ac:dyDescent="0.2">
      <c r="A23" s="63">
        <v>2012</v>
      </c>
      <c r="B23" s="61" t="s">
        <v>20</v>
      </c>
      <c r="C23" s="23" t="s">
        <v>24</v>
      </c>
      <c r="D23" s="3">
        <v>1430</v>
      </c>
      <c r="E23" s="15">
        <v>888</v>
      </c>
      <c r="F23" s="15">
        <v>102</v>
      </c>
      <c r="G23" s="15">
        <v>6</v>
      </c>
      <c r="H23" s="15">
        <v>65</v>
      </c>
      <c r="I23" s="16">
        <v>68</v>
      </c>
      <c r="J23" s="4">
        <v>148</v>
      </c>
    </row>
    <row r="24" spans="1:10" ht="22.5" customHeight="1" x14ac:dyDescent="0.2">
      <c r="A24" s="64"/>
      <c r="B24" s="62"/>
      <c r="C24" s="2" t="s">
        <v>0</v>
      </c>
      <c r="D24" s="17">
        <v>7720</v>
      </c>
      <c r="E24" s="18">
        <v>2080</v>
      </c>
      <c r="F24" s="18">
        <v>88</v>
      </c>
      <c r="G24" s="18">
        <v>13</v>
      </c>
      <c r="H24" s="18">
        <v>2850</v>
      </c>
      <c r="I24" s="19">
        <v>1600</v>
      </c>
      <c r="J24" s="20">
        <v>3960</v>
      </c>
    </row>
    <row r="25" spans="1:10" ht="22.5" customHeight="1" x14ac:dyDescent="0.2">
      <c r="A25" s="63">
        <v>2013</v>
      </c>
      <c r="B25" s="61" t="s">
        <v>21</v>
      </c>
      <c r="C25" s="23" t="s">
        <v>24</v>
      </c>
      <c r="D25" s="3">
        <v>1420</v>
      </c>
      <c r="E25" s="15">
        <v>972</v>
      </c>
      <c r="F25" s="15">
        <v>116</v>
      </c>
      <c r="G25" s="15">
        <v>6</v>
      </c>
      <c r="H25" s="15">
        <v>40</v>
      </c>
      <c r="I25" s="16">
        <v>61</v>
      </c>
      <c r="J25" s="4">
        <v>150</v>
      </c>
    </row>
    <row r="26" spans="1:10" ht="22.5" customHeight="1" x14ac:dyDescent="0.2">
      <c r="A26" s="64"/>
      <c r="B26" s="62"/>
      <c r="C26" s="2" t="s">
        <v>0</v>
      </c>
      <c r="D26" s="17">
        <v>7650</v>
      </c>
      <c r="E26" s="18">
        <v>2760</v>
      </c>
      <c r="F26" s="18">
        <v>80</v>
      </c>
      <c r="G26" s="18">
        <v>12</v>
      </c>
      <c r="H26" s="18">
        <v>1970</v>
      </c>
      <c r="I26" s="19">
        <v>1290</v>
      </c>
      <c r="J26" s="20">
        <v>3690</v>
      </c>
    </row>
    <row r="27" spans="1:10" ht="22.5" customHeight="1" x14ac:dyDescent="0.2">
      <c r="A27" s="63">
        <v>2014</v>
      </c>
      <c r="B27" s="61" t="s">
        <v>22</v>
      </c>
      <c r="C27" s="30" t="s">
        <v>24</v>
      </c>
      <c r="D27" s="3">
        <v>1400</v>
      </c>
      <c r="E27" s="15">
        <v>1020</v>
      </c>
      <c r="F27" s="15">
        <v>111</v>
      </c>
      <c r="G27" s="15">
        <v>6</v>
      </c>
      <c r="H27" s="15">
        <v>41</v>
      </c>
      <c r="I27" s="16">
        <v>61</v>
      </c>
      <c r="J27" s="4">
        <v>163</v>
      </c>
    </row>
    <row r="28" spans="1:10" ht="22.5" customHeight="1" x14ac:dyDescent="0.2">
      <c r="A28" s="66"/>
      <c r="B28" s="67"/>
      <c r="C28" s="2" t="s">
        <v>0</v>
      </c>
      <c r="D28" s="17">
        <v>7680</v>
      </c>
      <c r="E28" s="18">
        <v>2850</v>
      </c>
      <c r="F28" s="18">
        <v>66</v>
      </c>
      <c r="G28" s="18">
        <v>11</v>
      </c>
      <c r="H28" s="18">
        <v>2200</v>
      </c>
      <c r="I28" s="19">
        <v>1220</v>
      </c>
      <c r="J28" s="20">
        <v>4080</v>
      </c>
    </row>
    <row r="29" spans="1:10" ht="23.25" customHeight="1" x14ac:dyDescent="0.2">
      <c r="A29" s="78">
        <v>2015</v>
      </c>
      <c r="B29" s="79" t="s">
        <v>28</v>
      </c>
      <c r="C29" s="31" t="s">
        <v>24</v>
      </c>
      <c r="D29" s="3">
        <v>1390</v>
      </c>
      <c r="E29" s="15">
        <v>1050</v>
      </c>
      <c r="F29" s="15">
        <v>124</v>
      </c>
      <c r="G29" s="15">
        <v>19</v>
      </c>
      <c r="H29" s="15">
        <v>35</v>
      </c>
      <c r="I29" s="16">
        <v>58</v>
      </c>
      <c r="J29" s="4">
        <v>158</v>
      </c>
    </row>
    <row r="30" spans="1:10" ht="23.25" customHeight="1" x14ac:dyDescent="0.2">
      <c r="A30" s="78"/>
      <c r="B30" s="79"/>
      <c r="C30" s="2" t="s">
        <v>0</v>
      </c>
      <c r="D30" s="17">
        <v>7620</v>
      </c>
      <c r="E30" s="18">
        <v>3970</v>
      </c>
      <c r="F30" s="18">
        <v>84</v>
      </c>
      <c r="G30" s="18">
        <v>35</v>
      </c>
      <c r="H30" s="18">
        <v>1930</v>
      </c>
      <c r="I30" s="19">
        <v>1970</v>
      </c>
      <c r="J30" s="20">
        <v>4670</v>
      </c>
    </row>
    <row r="31" spans="1:10" ht="22.5" customHeight="1" x14ac:dyDescent="0.2">
      <c r="A31" s="78">
        <v>2016</v>
      </c>
      <c r="B31" s="79" t="s">
        <v>29</v>
      </c>
      <c r="C31" s="31" t="s">
        <v>24</v>
      </c>
      <c r="D31" s="3">
        <v>1360</v>
      </c>
      <c r="E31" s="15">
        <v>1060</v>
      </c>
      <c r="F31" s="15">
        <v>120</v>
      </c>
      <c r="G31" s="15">
        <v>31</v>
      </c>
      <c r="H31" s="15">
        <v>43</v>
      </c>
      <c r="I31" s="16">
        <v>53</v>
      </c>
      <c r="J31" s="4">
        <v>142</v>
      </c>
    </row>
    <row r="32" spans="1:10" ht="22.5" customHeight="1" x14ac:dyDescent="0.2">
      <c r="A32" s="63"/>
      <c r="B32" s="61"/>
      <c r="C32" s="35" t="s">
        <v>0</v>
      </c>
      <c r="D32" s="36">
        <v>7330</v>
      </c>
      <c r="E32" s="37">
        <v>3600</v>
      </c>
      <c r="F32" s="37">
        <v>79</v>
      </c>
      <c r="G32" s="37">
        <v>52</v>
      </c>
      <c r="H32" s="37">
        <v>1860</v>
      </c>
      <c r="I32" s="38">
        <v>1260</v>
      </c>
      <c r="J32" s="39">
        <v>4830</v>
      </c>
    </row>
    <row r="33" spans="1:10" ht="22.5" customHeight="1" x14ac:dyDescent="0.2">
      <c r="A33" s="80">
        <v>2017</v>
      </c>
      <c r="B33" s="57" t="s">
        <v>31</v>
      </c>
      <c r="C33" s="34" t="s">
        <v>24</v>
      </c>
      <c r="D33" s="3">
        <v>1340</v>
      </c>
      <c r="E33" s="15">
        <v>1110</v>
      </c>
      <c r="F33" s="15">
        <v>121</v>
      </c>
      <c r="G33" s="15">
        <v>51</v>
      </c>
      <c r="H33" s="15">
        <v>33</v>
      </c>
      <c r="I33" s="16">
        <v>53</v>
      </c>
      <c r="J33" s="4">
        <v>135</v>
      </c>
    </row>
    <row r="34" spans="1:10" ht="22.5" customHeight="1" x14ac:dyDescent="0.2">
      <c r="A34" s="81"/>
      <c r="B34" s="82"/>
      <c r="C34" s="2" t="s">
        <v>0</v>
      </c>
      <c r="D34" s="17">
        <v>7100</v>
      </c>
      <c r="E34" s="18">
        <v>3770</v>
      </c>
      <c r="F34" s="18">
        <v>73</v>
      </c>
      <c r="G34" s="18">
        <v>100</v>
      </c>
      <c r="H34" s="18">
        <v>1640</v>
      </c>
      <c r="I34" s="19">
        <v>1550</v>
      </c>
      <c r="J34" s="20">
        <v>4710</v>
      </c>
    </row>
    <row r="35" spans="1:10" ht="22.5" customHeight="1" x14ac:dyDescent="0.2">
      <c r="A35" s="80">
        <v>2018</v>
      </c>
      <c r="B35" s="57" t="s">
        <v>32</v>
      </c>
      <c r="C35" s="40" t="s">
        <v>24</v>
      </c>
      <c r="D35" s="41">
        <v>1350</v>
      </c>
      <c r="E35" s="42">
        <v>1060</v>
      </c>
      <c r="F35" s="42">
        <v>115</v>
      </c>
      <c r="G35" s="42">
        <v>73</v>
      </c>
      <c r="H35" s="42">
        <v>30</v>
      </c>
      <c r="I35" s="43">
        <v>47</v>
      </c>
      <c r="J35" s="44">
        <v>135</v>
      </c>
    </row>
    <row r="36" spans="1:10" ht="22.5" customHeight="1" x14ac:dyDescent="0.2">
      <c r="A36" s="81"/>
      <c r="B36" s="82"/>
      <c r="C36" s="35" t="s">
        <v>0</v>
      </c>
      <c r="D36" s="17">
        <v>6780</v>
      </c>
      <c r="E36" s="37">
        <v>2300</v>
      </c>
      <c r="F36" s="37">
        <v>44</v>
      </c>
      <c r="G36" s="37">
        <v>112</v>
      </c>
      <c r="H36" s="18">
        <v>3950</v>
      </c>
      <c r="I36" s="38">
        <v>1290</v>
      </c>
      <c r="J36" s="39">
        <v>3430</v>
      </c>
    </row>
    <row r="37" spans="1:10" ht="22.5" customHeight="1" x14ac:dyDescent="0.2">
      <c r="A37" s="56">
        <v>2019</v>
      </c>
      <c r="B37" s="57" t="s">
        <v>33</v>
      </c>
      <c r="C37" s="34" t="s">
        <v>24</v>
      </c>
      <c r="D37" s="41">
        <v>1350</v>
      </c>
      <c r="E37" s="15">
        <v>1040</v>
      </c>
      <c r="F37" s="15">
        <v>107</v>
      </c>
      <c r="G37" s="15">
        <v>54</v>
      </c>
      <c r="H37" s="42">
        <v>22</v>
      </c>
      <c r="I37" s="16">
        <v>44</v>
      </c>
      <c r="J37" s="4">
        <v>136</v>
      </c>
    </row>
    <row r="38" spans="1:10" ht="22.5" customHeight="1" x14ac:dyDescent="0.2">
      <c r="A38" s="53"/>
      <c r="B38" s="58"/>
      <c r="C38" s="45" t="s">
        <v>0</v>
      </c>
      <c r="D38" s="46">
        <v>7100</v>
      </c>
      <c r="E38" s="37">
        <v>4190</v>
      </c>
      <c r="F38" s="47">
        <v>89</v>
      </c>
      <c r="G38" s="37">
        <v>81</v>
      </c>
      <c r="H38" s="37">
        <v>1370</v>
      </c>
      <c r="I38" s="48">
        <v>1600</v>
      </c>
      <c r="J38" s="39">
        <v>4670</v>
      </c>
    </row>
    <row r="39" spans="1:10" ht="22.5" customHeight="1" x14ac:dyDescent="0.2">
      <c r="A39" s="52">
        <v>2020</v>
      </c>
      <c r="B39" s="54" t="s">
        <v>35</v>
      </c>
      <c r="C39" s="40" t="s">
        <v>24</v>
      </c>
      <c r="D39" s="41">
        <v>1340</v>
      </c>
      <c r="E39" s="47">
        <v>1050</v>
      </c>
      <c r="F39" s="42">
        <v>100</v>
      </c>
      <c r="G39" s="47">
        <v>55</v>
      </c>
      <c r="H39" s="47">
        <v>16</v>
      </c>
      <c r="I39" s="43">
        <v>45</v>
      </c>
      <c r="J39" s="49">
        <v>119</v>
      </c>
    </row>
    <row r="40" spans="1:10" ht="22.5" customHeight="1" x14ac:dyDescent="0.2">
      <c r="A40" s="53"/>
      <c r="B40" s="55"/>
      <c r="C40" s="45" t="s">
        <v>0</v>
      </c>
      <c r="D40" s="46">
        <v>7330</v>
      </c>
      <c r="E40" s="47">
        <v>3930</v>
      </c>
      <c r="F40" s="47">
        <v>97</v>
      </c>
      <c r="G40" s="37">
        <v>111</v>
      </c>
      <c r="H40" s="47">
        <v>873</v>
      </c>
      <c r="I40" s="38">
        <v>1580</v>
      </c>
      <c r="J40" s="49">
        <v>4050</v>
      </c>
    </row>
    <row r="41" spans="1:10" ht="22.5" customHeight="1" x14ac:dyDescent="0.2">
      <c r="A41" s="52">
        <v>2021</v>
      </c>
      <c r="B41" s="58" t="s">
        <v>36</v>
      </c>
      <c r="C41" s="40" t="s">
        <v>24</v>
      </c>
      <c r="D41" s="41">
        <v>1250</v>
      </c>
      <c r="E41" s="42">
        <v>1110</v>
      </c>
      <c r="F41" s="42">
        <v>99</v>
      </c>
      <c r="G41" s="47">
        <v>53</v>
      </c>
      <c r="H41" s="42">
        <v>10</v>
      </c>
      <c r="I41" s="48">
        <v>43</v>
      </c>
      <c r="J41" s="44">
        <v>111</v>
      </c>
    </row>
    <row r="42" spans="1:10" ht="22.5" customHeight="1" thickBot="1" x14ac:dyDescent="0.25">
      <c r="A42" s="59"/>
      <c r="B42" s="60"/>
      <c r="C42" s="25" t="s">
        <v>0</v>
      </c>
      <c r="D42" s="5">
        <v>7070</v>
      </c>
      <c r="E42" s="21">
        <v>3690</v>
      </c>
      <c r="F42" s="21">
        <v>65</v>
      </c>
      <c r="G42" s="21">
        <v>75</v>
      </c>
      <c r="H42" s="21">
        <v>452</v>
      </c>
      <c r="I42" s="22">
        <v>1350</v>
      </c>
      <c r="J42" s="6">
        <v>3360</v>
      </c>
    </row>
    <row r="43" spans="1:10" x14ac:dyDescent="0.2">
      <c r="C43" s="51"/>
      <c r="F43" s="51"/>
      <c r="H43" s="51"/>
      <c r="I43" s="51"/>
    </row>
  </sheetData>
  <mergeCells count="42">
    <mergeCell ref="A29:A30"/>
    <mergeCell ref="B29:B30"/>
    <mergeCell ref="A31:A32"/>
    <mergeCell ref="B31:B32"/>
    <mergeCell ref="A35:A36"/>
    <mergeCell ref="B35:B36"/>
    <mergeCell ref="A33:A34"/>
    <mergeCell ref="B33:B34"/>
    <mergeCell ref="B2:J3"/>
    <mergeCell ref="A25:A26"/>
    <mergeCell ref="B25:B26"/>
    <mergeCell ref="A27:A28"/>
    <mergeCell ref="B27:B28"/>
    <mergeCell ref="D5:D6"/>
    <mergeCell ref="A5:A6"/>
    <mergeCell ref="B5:B6"/>
    <mergeCell ref="A7:A8"/>
    <mergeCell ref="B7:B8"/>
    <mergeCell ref="H5:J5"/>
    <mergeCell ref="A9:A10"/>
    <mergeCell ref="A13:A14"/>
    <mergeCell ref="B13:B14"/>
    <mergeCell ref="F5:F6"/>
    <mergeCell ref="A21:A22"/>
    <mergeCell ref="B9:B10"/>
    <mergeCell ref="A11:A12"/>
    <mergeCell ref="B11:B12"/>
    <mergeCell ref="B21:B22"/>
    <mergeCell ref="A23:A24"/>
    <mergeCell ref="B23:B24"/>
    <mergeCell ref="A15:A16"/>
    <mergeCell ref="B15:B16"/>
    <mergeCell ref="A17:A18"/>
    <mergeCell ref="B17:B18"/>
    <mergeCell ref="A19:A20"/>
    <mergeCell ref="B19:B20"/>
    <mergeCell ref="A39:A40"/>
    <mergeCell ref="B39:B40"/>
    <mergeCell ref="A37:A38"/>
    <mergeCell ref="B37:B38"/>
    <mergeCell ref="A41:A42"/>
    <mergeCell ref="B41:B42"/>
  </mergeCells>
  <phoneticPr fontId="4"/>
  <pageMargins left="0.74803149606299213" right="0.70866141732283472" top="0.59055118110236227" bottom="0.59055118110236227" header="0.51181102362204722" footer="0.51181102362204722"/>
  <pageSetup paperSize="9" scale="86" orientation="portrait" horizontalDpi="4294967293" verticalDpi="300" r:id="rId1"/>
  <headerFooter alignWithMargins="0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05d83ceaa0bbd2e3bc716e6e66bd857a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b3d69fe45253d5ff147bb69036b756a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EDE8122F-8152-4D84-B7F3-6BECB0DF98BF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15599CBB-DAE9-4FBF-997D-C6D425F9FD02}">
  <ds:schemaRefs>
    <ds:schemaRef ds:uri="http://purl.org/dc/elements/1.1/"/>
    <ds:schemaRef ds:uri="http://schemas.microsoft.com/office/2006/metadata/properties"/>
    <ds:schemaRef ds:uri="http://purl.org/dc/terms/"/>
    <ds:schemaRef ds:uri="http://schemas.openxmlformats.org/package/2006/metadata/core-properties"/>
    <ds:schemaRef ds:uri="http://schemas.microsoft.com/office/2006/documentManagement/types"/>
    <ds:schemaRef ds:uri="http://schemas.microsoft.com/office/infopath/2007/PartnerControls"/>
    <ds:schemaRef ds:uri="http://www.w3.org/XML/1998/namespace"/>
    <ds:schemaRef ds:uri="http://purl.org/dc/dcmitype/"/>
  </ds:schemaRefs>
</ds:datastoreItem>
</file>

<file path=customXml/itemProps3.xml><?xml version="1.0" encoding="utf-8"?>
<ds:datastoreItem xmlns:ds="http://schemas.openxmlformats.org/officeDocument/2006/customXml" ds:itemID="{92D041C4-FEEF-4FC8-A52E-6583FD6457EA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-７ 農作物単位面積(10ha)当たり収穫量</vt:lpstr>
      <vt:lpstr>'1-７ 農作物単位面積(10ha)当たり収穫量'!Print_Area</vt:lpstr>
      <vt:lpstr>'1-７ 農作物単位面積(10ha)当たり収穫量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椿原　功</dc:creator>
  <cp:lastModifiedBy>Administrator</cp:lastModifiedBy>
  <cp:lastPrinted>2020-10-02T01:20:06Z</cp:lastPrinted>
  <dcterms:created xsi:type="dcterms:W3CDTF">1998-05-19T07:00:41Z</dcterms:created>
  <dcterms:modified xsi:type="dcterms:W3CDTF">2023-07-26T08:08:43Z</dcterms:modified>
</cp:coreProperties>
</file>